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LS220DA66\share\「　H27～施設班　」\01 指定関係\05 体制届\R3\03 R3様式\短期入所（改正済）\"/>
    </mc:Choice>
  </mc:AlternateContent>
  <bookViews>
    <workbookView xWindow="0" yWindow="0" windowWidth="20490" windowHeight="9660"/>
  </bookViews>
  <sheets>
    <sheet name="別紙44" sheetId="1" r:id="rId1"/>
  </sheets>
  <externalReferences>
    <externalReference r:id="rId2"/>
    <externalReference r:id="rId3"/>
  </externalReferences>
  <definedNames>
    <definedName name="____________________________kk1">#REF!</definedName>
    <definedName name="___kk1">#REF!</definedName>
    <definedName name="__kk1">#REF!</definedName>
    <definedName name="_kk1">#REF!</definedName>
    <definedName name="_kk2">#REF!</definedName>
    <definedName name="▼選択してください。">#REF!</definedName>
    <definedName name="a">#REF!</definedName>
    <definedName name="aa">#REF!</definedName>
    <definedName name="aaaaa">#REF!</definedName>
    <definedName name="Avrg">#REF!</definedName>
    <definedName name="b">#REF!</definedName>
    <definedName name="CSV_サービス情報">#REF!</definedName>
    <definedName name="CSV_口座振込依頼書">#REF!</definedName>
    <definedName name="CSV_追加情報">#REF!</definedName>
    <definedName name="CSV_付表１">#REF!</definedName>
    <definedName name="CSV_付表１＿１">#REF!</definedName>
    <definedName name="CSV_付表１＿２">#REF!</definedName>
    <definedName name="CSV_付表１０">#REF!</definedName>
    <definedName name="CSV_付表１０＿２">#REF!</definedName>
    <definedName name="CSV_付表１１">#REF!</definedName>
    <definedName name="CSV_付表１１＿２">#REF!</definedName>
    <definedName name="CSV_付表１２">#REF!</definedName>
    <definedName name="CSV_付表１２＿２">#REF!</definedName>
    <definedName name="CSV_付表１３その１">#REF!</definedName>
    <definedName name="CSV_付表１３その２">#REF!</definedName>
    <definedName name="CSV_付表１４">#REF!</definedName>
    <definedName name="CSV_付表２">#REF!</definedName>
    <definedName name="CSV_付表３">#REF!</definedName>
    <definedName name="CSV_付表３＿２">#REF!</definedName>
    <definedName name="CSV_付表４">#REF!</definedName>
    <definedName name="CSV_付表４＿１">#REF!</definedName>
    <definedName name="CSV_付表４＿２">#REF!</definedName>
    <definedName name="CSV_付表５">#REF!</definedName>
    <definedName name="CSV_付表６">#REF!</definedName>
    <definedName name="CSV_付表７">#REF!</definedName>
    <definedName name="CSV_付表８その１">#REF!</definedName>
    <definedName name="CSV_付表８その２">#REF!</definedName>
    <definedName name="CSV_付表８その３">#REF!</definedName>
    <definedName name="CSV_付表９">#REF!</definedName>
    <definedName name="CSV_付表９＿２">#REF!</definedName>
    <definedName name="CSV_様式第１号">#REF!</definedName>
    <definedName name="d">#REF!</definedName>
    <definedName name="e">#REF!</definedName>
    <definedName name="houjin">#REF!</definedName>
    <definedName name="jigyoumeishou">#REF!</definedName>
    <definedName name="kanagawaken">#REF!</definedName>
    <definedName name="kawasaki">#REF!</definedName>
    <definedName name="kk">#REF!</definedName>
    <definedName name="KK_03">#REF!</definedName>
    <definedName name="KK_06">#REF!</definedName>
    <definedName name="kk1">#REF!</definedName>
    <definedName name="KK2_3">#REF!</definedName>
    <definedName name="KKK">#REF!</definedName>
    <definedName name="ｋｋｋｋ">#REF!</definedName>
    <definedName name="Roman_01">#REF!</definedName>
    <definedName name="Roman_03">#REF!</definedName>
    <definedName name="Roman_04">#REF!</definedName>
    <definedName name="Roman_06">#REF!</definedName>
    <definedName name="Roman2_1">#REF!</definedName>
    <definedName name="Roman2_3">#REF!</definedName>
    <definedName name="Serv_LIST">#REF!</definedName>
    <definedName name="siharai">#REF!</definedName>
    <definedName name="sikuchouson">#REF!</definedName>
    <definedName name="sinseisaki">#REF!</definedName>
    <definedName name="SS">#REF!</definedName>
    <definedName name="table_03">#REF!</definedName>
    <definedName name="table_06">#REF!</definedName>
    <definedName name="table2_3">#REF!</definedName>
    <definedName name="yokohama">#REF!</definedName>
    <definedName name="サービス">[1]様式６!$S$201:$S$252</definedName>
    <definedName name="サービス種類">'[2]別紙2-2（訪問系を除くサービス）'!$BP$1:$BP$16</definedName>
    <definedName name="サービス種類別提出書類一覧">#REF!</definedName>
    <definedName name="サービス種類別提出書類一覧２">#REF!</definedName>
    <definedName name="はじめに">#REF!</definedName>
    <definedName name="リスト_サービス種類">#REF!</definedName>
    <definedName name="リスト_施設等の区分">#REF!</definedName>
    <definedName name="リスト_施設等の区分_児童デイ">#REF!</definedName>
    <definedName name="リスト_施設等の区分_障害児施設給付費">#REF!</definedName>
    <definedName name="リスト_処遇改善助成金キャリアパス区分">#REF!</definedName>
    <definedName name="リスト_定員区分">#REF!</definedName>
    <definedName name="リスト_定員区分_肢体不自由児施設_通所通園">#REF!</definedName>
    <definedName name="リスト_定員区分_肢体不自由児療護施設">#REF!</definedName>
    <definedName name="リスト_定員区分_障害児施設">#REF!</definedName>
    <definedName name="リスト_定員区分_対象無し">#REF!</definedName>
    <definedName name="リスト_定員区分_第２種自閉症児施設">#REF!</definedName>
    <definedName name="リスト_定員区分_知的障害児通園施設">#REF!</definedName>
    <definedName name="リスト_定員区分_難聴幼児通園施設">#REF!</definedName>
    <definedName name="リスト_定員区分_盲児施設_ろうあ児施設">#REF!</definedName>
    <definedName name="山口県">#REF!</definedName>
    <definedName name="取込変換_施設等の区分">#REF!</definedName>
    <definedName name="取込変換_施設等の区分_児童デイ">#REF!</definedName>
    <definedName name="取込変換_施設等の区分_障害児施設給付費">#REF!</definedName>
    <definedName name="取込変換_処遇改善助成金キャリアパス区分">#REF!</definedName>
    <definedName name="取込変換_定員区分">#REF!</definedName>
    <definedName name="取込変換_定員区分_肢体不自由児施設_通所通園">#REF!</definedName>
    <definedName name="取込変換_定員区分_肢体不自由児療護施設">#REF!</definedName>
    <definedName name="取込変換_定員区分_障害児施設">#REF!</definedName>
    <definedName name="取込変換_定員区分_対象無し">#REF!</definedName>
    <definedName name="取込変換_定員区分_第２種自閉症児施設">#REF!</definedName>
    <definedName name="取込変換_定員区分_知的障害児通園施設">#REF!</definedName>
    <definedName name="取込変換_定員区分_難聴幼児通園施設">#REF!</definedName>
    <definedName name="取込変換_定員区分_盲児施設_ろうあ児施設">#REF!</definedName>
    <definedName name="取込変換_夜間支援対象利用者数">#REF!</definedName>
    <definedName name="出力変換_施設等の区分">#REF!</definedName>
    <definedName name="出力変換_施設等の区分_児童デイ">#REF!</definedName>
    <definedName name="出力変換_施設等の区分_障害児施設給付費">#REF!</definedName>
    <definedName name="出力変換_処遇改善助成金キャリアパス区分">#REF!</definedName>
    <definedName name="出力変換_定員区分">#REF!</definedName>
    <definedName name="出力変換_定員区分_肢体不自由児施設_通所通園">#REF!</definedName>
    <definedName name="出力変換_定員区分_肢体不自由児療護施設">#REF!</definedName>
    <definedName name="出力変換_定員区分_障害児施設">#REF!</definedName>
    <definedName name="出力変換_定員区分_対象無し">#REF!</definedName>
    <definedName name="出力変換_定員区分_第２種自閉症児施設">#REF!</definedName>
    <definedName name="出力変換_定員区分_知的障害児通園施設">#REF!</definedName>
    <definedName name="出力変換_定員区分_難聴幼児通園施設">#REF!</definedName>
    <definedName name="出力変換_定員区分_盲児施設_ろうあ児施設">#REF!</definedName>
    <definedName name="出力変換_夜間支援対象利用者数">#REF!</definedName>
    <definedName name="別紙">#REF!</definedName>
    <definedName name="別紙19２">#REF!</definedName>
    <definedName name="別紙47">#REF!</definedName>
    <definedName name="別紙7の2">#REF!</definedName>
    <definedName name="夜間支援">#REF!</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37" uniqueCount="32">
  <si>
    <t>日中活動支援加算に関する届出書</t>
    <rPh sb="0" eb="2">
      <t>ニッチュウ</t>
    </rPh>
    <rPh sb="2" eb="4">
      <t>カツドウ</t>
    </rPh>
    <rPh sb="4" eb="6">
      <t>シエン</t>
    </rPh>
    <rPh sb="6" eb="8">
      <t>カサン</t>
    </rPh>
    <rPh sb="9" eb="10">
      <t>カン</t>
    </rPh>
    <rPh sb="12" eb="15">
      <t>トドケデショ</t>
    </rPh>
    <phoneticPr fontId="3"/>
  </si>
  <si>
    <t>事業所・施設の名称</t>
    <rPh sb="0" eb="3">
      <t>ジギョウショ</t>
    </rPh>
    <rPh sb="4" eb="6">
      <t>シセツ</t>
    </rPh>
    <rPh sb="7" eb="9">
      <t>メイショウ</t>
    </rPh>
    <phoneticPr fontId="3"/>
  </si>
  <si>
    <t>報酬区分</t>
    <rPh sb="0" eb="2">
      <t>ホウシュウ</t>
    </rPh>
    <rPh sb="2" eb="4">
      <t>クブン</t>
    </rPh>
    <phoneticPr fontId="3"/>
  </si>
  <si>
    <t>異　動　区　分
（該当の番号に○）</t>
    <rPh sb="0" eb="1">
      <t>イ</t>
    </rPh>
    <rPh sb="2" eb="3">
      <t>ドウ</t>
    </rPh>
    <rPh sb="4" eb="5">
      <t>ク</t>
    </rPh>
    <rPh sb="6" eb="7">
      <t>ブン</t>
    </rPh>
    <rPh sb="9" eb="11">
      <t>ガイトウ</t>
    </rPh>
    <rPh sb="12" eb="14">
      <t>バンゴウ</t>
    </rPh>
    <phoneticPr fontId="3"/>
  </si>
  <si>
    <t>１　新規　　　　　　　　　　２　変更</t>
    <rPh sb="2" eb="4">
      <t>シンキ</t>
    </rPh>
    <rPh sb="16" eb="18">
      <t>ヘンコウ</t>
    </rPh>
    <phoneticPr fontId="3"/>
  </si>
  <si>
    <t>(１）</t>
    <phoneticPr fontId="3"/>
  </si>
  <si>
    <t>１　 該当　　　　　　　　２ 　非該当</t>
    <rPh sb="3" eb="5">
      <t>ガイトウ</t>
    </rPh>
    <rPh sb="16" eb="19">
      <t>ヒガイトウ</t>
    </rPh>
    <phoneticPr fontId="3"/>
  </si>
  <si>
    <t>(２）</t>
  </si>
  <si>
    <t>(３）</t>
  </si>
  <si>
    <t>(４）</t>
  </si>
  <si>
    <t>(5)</t>
    <phoneticPr fontId="3"/>
  </si>
  <si>
    <t>日中活動実施計画作成体制・日中活動実施計画に従った指定短期入所の提供状況等</t>
    <rPh sb="8" eb="10">
      <t>サクセイ</t>
    </rPh>
    <rPh sb="10" eb="12">
      <t>タイセイ</t>
    </rPh>
    <rPh sb="13" eb="15">
      <t>ニッチュウ</t>
    </rPh>
    <rPh sb="15" eb="17">
      <t>カツドウ</t>
    </rPh>
    <rPh sb="17" eb="19">
      <t>ジッシ</t>
    </rPh>
    <rPh sb="19" eb="21">
      <t>ケイカク</t>
    </rPh>
    <rPh sb="22" eb="23">
      <t>シタガ</t>
    </rPh>
    <rPh sb="25" eb="27">
      <t>シテイ</t>
    </rPh>
    <rPh sb="27" eb="29">
      <t>タンキ</t>
    </rPh>
    <rPh sb="29" eb="31">
      <t>ニュウショ</t>
    </rPh>
    <rPh sb="32" eb="34">
      <t>テイキョウ</t>
    </rPh>
    <rPh sb="34" eb="36">
      <t>ジョウキョウ</t>
    </rPh>
    <rPh sb="36" eb="37">
      <t>トウ</t>
    </rPh>
    <phoneticPr fontId="3"/>
  </si>
  <si>
    <t>職種</t>
    <rPh sb="0" eb="2">
      <t>ショクシュ</t>
    </rPh>
    <phoneticPr fontId="3"/>
  </si>
  <si>
    <t>日中活動実施計画の作成</t>
    <rPh sb="0" eb="2">
      <t>ニッチュウ</t>
    </rPh>
    <rPh sb="2" eb="4">
      <t>カツドウ</t>
    </rPh>
    <rPh sb="4" eb="6">
      <t>ジッシ</t>
    </rPh>
    <rPh sb="6" eb="8">
      <t>ケイカク</t>
    </rPh>
    <rPh sb="9" eb="11">
      <t>サクセイ</t>
    </rPh>
    <phoneticPr fontId="3"/>
  </si>
  <si>
    <t>指定短期入所の提供※</t>
    <rPh sb="0" eb="2">
      <t>シテイ</t>
    </rPh>
    <rPh sb="2" eb="4">
      <t>タンキ</t>
    </rPh>
    <rPh sb="4" eb="6">
      <t>ニュウショ</t>
    </rPh>
    <rPh sb="7" eb="9">
      <t>テイキョウ</t>
    </rPh>
    <phoneticPr fontId="3"/>
  </si>
  <si>
    <t>氏名</t>
    <rPh sb="0" eb="2">
      <t>シメイ</t>
    </rPh>
    <phoneticPr fontId="3"/>
  </si>
  <si>
    <t>保育士</t>
    <rPh sb="0" eb="3">
      <t>ホイクシ</t>
    </rPh>
    <phoneticPr fontId="3"/>
  </si>
  <si>
    <t>理学療法士</t>
    <rPh sb="0" eb="2">
      <t>リガク</t>
    </rPh>
    <rPh sb="2" eb="5">
      <t>リョウホウシ</t>
    </rPh>
    <phoneticPr fontId="3"/>
  </si>
  <si>
    <t>作業療法士</t>
    <rPh sb="0" eb="2">
      <t>サギョウ</t>
    </rPh>
    <rPh sb="2" eb="5">
      <t>リョウホウシ</t>
    </rPh>
    <phoneticPr fontId="3"/>
  </si>
  <si>
    <t>言語聴覚士</t>
    <rPh sb="0" eb="2">
      <t>ゲンゴ</t>
    </rPh>
    <rPh sb="2" eb="4">
      <t>チョウカク</t>
    </rPh>
    <rPh sb="4" eb="5">
      <t>シ</t>
    </rPh>
    <phoneticPr fontId="3"/>
  </si>
  <si>
    <t>その他（　　　 　　　）</t>
    <rPh sb="2" eb="3">
      <t>タ</t>
    </rPh>
    <phoneticPr fontId="3"/>
  </si>
  <si>
    <t>その他（　　 　　　　）</t>
    <rPh sb="2" eb="3">
      <t>タ</t>
    </rPh>
    <phoneticPr fontId="3"/>
  </si>
  <si>
    <t>添付書類</t>
    <phoneticPr fontId="3"/>
  </si>
  <si>
    <t>保育士、理学療法士、作業療法士及び言語聴覚士の資格証の写し</t>
    <rPh sb="0" eb="3">
      <t>ホイクシ</t>
    </rPh>
    <rPh sb="4" eb="6">
      <t>リガク</t>
    </rPh>
    <rPh sb="6" eb="9">
      <t>リョウホウシ</t>
    </rPh>
    <rPh sb="10" eb="12">
      <t>サギョウ</t>
    </rPh>
    <rPh sb="12" eb="15">
      <t>リョウホウシ</t>
    </rPh>
    <rPh sb="15" eb="16">
      <t>オヨ</t>
    </rPh>
    <rPh sb="17" eb="22">
      <t>ゲンゴチョウカクシ</t>
    </rPh>
    <rPh sb="23" eb="25">
      <t>シカク</t>
    </rPh>
    <rPh sb="25" eb="26">
      <t>ショウ</t>
    </rPh>
    <rPh sb="27" eb="28">
      <t>ウツ</t>
    </rPh>
    <phoneticPr fontId="3"/>
  </si>
  <si>
    <t>※　「日中活動実施計画作成体制・日中活動実施計画に従った指定短期入所の提供状況等」には、日中活動実施計画を作成している者の職種及び氏名を記入してください。指定短期入所の提供については生活支援員や児童指導員でも可。</t>
    <rPh sb="44" eb="46">
      <t>ニッチュウ</t>
    </rPh>
    <rPh sb="46" eb="48">
      <t>カツドウ</t>
    </rPh>
    <rPh sb="59" eb="60">
      <t>シャ</t>
    </rPh>
    <rPh sb="61" eb="63">
      <t>ショクシュ</t>
    </rPh>
    <rPh sb="63" eb="64">
      <t>オヨ</t>
    </rPh>
    <rPh sb="65" eb="67">
      <t>シメイ</t>
    </rPh>
    <rPh sb="91" eb="93">
      <t>セイカツ</t>
    </rPh>
    <rPh sb="93" eb="95">
      <t>シエン</t>
    </rPh>
    <rPh sb="95" eb="96">
      <t>イン</t>
    </rPh>
    <rPh sb="97" eb="99">
      <t>ジドウ</t>
    </rPh>
    <rPh sb="99" eb="102">
      <t>シドウイン</t>
    </rPh>
    <rPh sb="104" eb="105">
      <t>カ</t>
    </rPh>
    <phoneticPr fontId="3"/>
  </si>
  <si>
    <t>令和　年　月　日</t>
    <rPh sb="0" eb="2">
      <t>レイワ</t>
    </rPh>
    <rPh sb="3" eb="4">
      <t>ネン</t>
    </rPh>
    <rPh sb="5" eb="6">
      <t>ガツ</t>
    </rPh>
    <rPh sb="7" eb="8">
      <t>ニチ</t>
    </rPh>
    <phoneticPr fontId="3"/>
  </si>
  <si>
    <t>（別紙44）</t>
    <rPh sb="1" eb="3">
      <t>ベッシ</t>
    </rPh>
    <phoneticPr fontId="3"/>
  </si>
  <si>
    <t>医療型短期入所　　　　　　　　</t>
    <rPh sb="0" eb="2">
      <t>イリョウ</t>
    </rPh>
    <rPh sb="2" eb="3">
      <t>ガタ</t>
    </rPh>
    <rPh sb="3" eb="5">
      <t>タンキ</t>
    </rPh>
    <rPh sb="5" eb="7">
      <t>ニュウショ</t>
    </rPh>
    <phoneticPr fontId="3"/>
  </si>
  <si>
    <t>指定短期入所の利用開始時に指定特定相談支援事業所又は指定障害児相談支援事業所の相談支援専門員と連動し、当該相談支援専門員が定めたサービス等利用計画等で、医療型短期入所において日中活動の提供が必要とされた利用者がいること(セルフプランは算定不可）。</t>
    <rPh sb="0" eb="2">
      <t>シテイ</t>
    </rPh>
    <rPh sb="2" eb="4">
      <t>タンキ</t>
    </rPh>
    <rPh sb="4" eb="6">
      <t>ニュウショ</t>
    </rPh>
    <rPh sb="7" eb="9">
      <t>リヨウ</t>
    </rPh>
    <rPh sb="9" eb="11">
      <t>カイシ</t>
    </rPh>
    <rPh sb="11" eb="12">
      <t>ジ</t>
    </rPh>
    <rPh sb="13" eb="15">
      <t>シテイ</t>
    </rPh>
    <rPh sb="15" eb="17">
      <t>トクテイ</t>
    </rPh>
    <rPh sb="17" eb="19">
      <t>ソウダン</t>
    </rPh>
    <rPh sb="19" eb="21">
      <t>シエン</t>
    </rPh>
    <rPh sb="21" eb="23">
      <t>ジギョウ</t>
    </rPh>
    <rPh sb="23" eb="24">
      <t>ショ</t>
    </rPh>
    <rPh sb="24" eb="25">
      <t>マタ</t>
    </rPh>
    <rPh sb="26" eb="28">
      <t>シテイ</t>
    </rPh>
    <rPh sb="28" eb="30">
      <t>ショウガイ</t>
    </rPh>
    <rPh sb="30" eb="31">
      <t>ジ</t>
    </rPh>
    <rPh sb="31" eb="33">
      <t>ソウダン</t>
    </rPh>
    <rPh sb="33" eb="35">
      <t>シエン</t>
    </rPh>
    <rPh sb="35" eb="37">
      <t>ジギョウ</t>
    </rPh>
    <rPh sb="37" eb="38">
      <t>ショ</t>
    </rPh>
    <rPh sb="39" eb="41">
      <t>ソウダン</t>
    </rPh>
    <rPh sb="41" eb="43">
      <t>シエン</t>
    </rPh>
    <rPh sb="43" eb="46">
      <t>センモンイン</t>
    </rPh>
    <rPh sb="47" eb="49">
      <t>レンドウ</t>
    </rPh>
    <rPh sb="51" eb="53">
      <t>トウガイ</t>
    </rPh>
    <rPh sb="53" eb="55">
      <t>ソウダン</t>
    </rPh>
    <rPh sb="55" eb="57">
      <t>シエン</t>
    </rPh>
    <rPh sb="57" eb="60">
      <t>センモンイン</t>
    </rPh>
    <rPh sb="61" eb="62">
      <t>サダ</t>
    </rPh>
    <rPh sb="68" eb="69">
      <t>トウ</t>
    </rPh>
    <rPh sb="69" eb="71">
      <t>リヨウ</t>
    </rPh>
    <rPh sb="71" eb="73">
      <t>ケイカク</t>
    </rPh>
    <rPh sb="73" eb="74">
      <t>トウ</t>
    </rPh>
    <rPh sb="76" eb="78">
      <t>イリョウ</t>
    </rPh>
    <rPh sb="78" eb="79">
      <t>ガタ</t>
    </rPh>
    <rPh sb="79" eb="81">
      <t>タンキ</t>
    </rPh>
    <rPh sb="81" eb="83">
      <t>ニュウショ</t>
    </rPh>
    <rPh sb="87" eb="89">
      <t>ニッチュウ</t>
    </rPh>
    <rPh sb="89" eb="91">
      <t>カツドウ</t>
    </rPh>
    <rPh sb="92" eb="94">
      <t>テイキョウ</t>
    </rPh>
    <rPh sb="95" eb="97">
      <t>ヒツヨウ</t>
    </rPh>
    <rPh sb="101" eb="104">
      <t>リヨウシャ</t>
    </rPh>
    <rPh sb="117" eb="119">
      <t>サンテイ</t>
    </rPh>
    <rPh sb="119" eb="121">
      <t>フカ</t>
    </rPh>
    <phoneticPr fontId="3"/>
  </si>
  <si>
    <t>保育士・理学療法士・作業療法士・言語聴覚士・その他の職種の者（「保育士等」という）が共同して、利用者ごとの日中活動実施計画を作成していること。</t>
    <rPh sb="0" eb="3">
      <t>ホイクシ</t>
    </rPh>
    <rPh sb="4" eb="6">
      <t>リガク</t>
    </rPh>
    <rPh sb="6" eb="9">
      <t>リョウホウシ</t>
    </rPh>
    <rPh sb="10" eb="12">
      <t>サギョウ</t>
    </rPh>
    <rPh sb="12" eb="15">
      <t>リョウホウシ</t>
    </rPh>
    <rPh sb="16" eb="21">
      <t>ゲンゴチョウカクシ</t>
    </rPh>
    <rPh sb="24" eb="25">
      <t>タ</t>
    </rPh>
    <rPh sb="26" eb="28">
      <t>ショクシュ</t>
    </rPh>
    <rPh sb="29" eb="30">
      <t>モノ</t>
    </rPh>
    <rPh sb="32" eb="35">
      <t>ホイクシ</t>
    </rPh>
    <rPh sb="35" eb="36">
      <t>トウ</t>
    </rPh>
    <rPh sb="42" eb="44">
      <t>キョウドウ</t>
    </rPh>
    <rPh sb="47" eb="50">
      <t>リヨウシャ</t>
    </rPh>
    <rPh sb="53" eb="55">
      <t>ニッチュウ</t>
    </rPh>
    <rPh sb="55" eb="57">
      <t>カツドウ</t>
    </rPh>
    <rPh sb="57" eb="59">
      <t>ジッシ</t>
    </rPh>
    <rPh sb="59" eb="61">
      <t>ケイカク</t>
    </rPh>
    <rPh sb="62" eb="64">
      <t>サクセイ</t>
    </rPh>
    <phoneticPr fontId="3"/>
  </si>
  <si>
    <t>利用者ごとの日中活動実施計画に従い、保育士等が指定短期入所を行っているとともに、利用者の状態を定期的に記録していること。</t>
    <rPh sb="0" eb="3">
      <t>リヨウシャ</t>
    </rPh>
    <rPh sb="6" eb="8">
      <t>ニッチュウ</t>
    </rPh>
    <rPh sb="8" eb="10">
      <t>カツドウ</t>
    </rPh>
    <rPh sb="10" eb="12">
      <t>ジッシ</t>
    </rPh>
    <rPh sb="12" eb="14">
      <t>ケイカク</t>
    </rPh>
    <rPh sb="15" eb="16">
      <t>シタガ</t>
    </rPh>
    <rPh sb="18" eb="21">
      <t>ホイクシ</t>
    </rPh>
    <rPh sb="21" eb="22">
      <t>トウ</t>
    </rPh>
    <rPh sb="23" eb="25">
      <t>シテイ</t>
    </rPh>
    <rPh sb="25" eb="27">
      <t>タンキ</t>
    </rPh>
    <rPh sb="27" eb="29">
      <t>ニュウショ</t>
    </rPh>
    <rPh sb="30" eb="31">
      <t>オコナ</t>
    </rPh>
    <rPh sb="40" eb="43">
      <t>リヨウシャ</t>
    </rPh>
    <rPh sb="44" eb="46">
      <t>ジョウタイ</t>
    </rPh>
    <rPh sb="47" eb="50">
      <t>テイキテキ</t>
    </rPh>
    <rPh sb="51" eb="53">
      <t>キロク</t>
    </rPh>
    <phoneticPr fontId="3"/>
  </si>
  <si>
    <t>利用者ごとの日中活動実施計画の実施状況を定期的に評価し、必要に応じて当該計画を見直していること。</t>
    <rPh sb="0" eb="3">
      <t>リヨウシャ</t>
    </rPh>
    <rPh sb="6" eb="8">
      <t>ニッチュウ</t>
    </rPh>
    <rPh sb="8" eb="10">
      <t>カツドウ</t>
    </rPh>
    <rPh sb="10" eb="12">
      <t>ジッシ</t>
    </rPh>
    <rPh sb="12" eb="14">
      <t>ケイカク</t>
    </rPh>
    <rPh sb="15" eb="17">
      <t>ジッシ</t>
    </rPh>
    <rPh sb="17" eb="19">
      <t>ジョウキョウ</t>
    </rPh>
    <rPh sb="20" eb="23">
      <t>テイキテキ</t>
    </rPh>
    <rPh sb="24" eb="26">
      <t>ヒョウカ</t>
    </rPh>
    <rPh sb="28" eb="30">
      <t>ヒツヨウ</t>
    </rPh>
    <rPh sb="31" eb="32">
      <t>オウ</t>
    </rPh>
    <rPh sb="34" eb="36">
      <t>トウガイ</t>
    </rPh>
    <rPh sb="36" eb="38">
      <t>ケイカク</t>
    </rPh>
    <rPh sb="39" eb="41">
      <t>ミナオ</t>
    </rPh>
    <phoneticPr fontId="3"/>
  </si>
</sst>
</file>

<file path=xl/styles.xml><?xml version="1.0" encoding="utf-8"?>
<styleSheet xmlns="http://schemas.openxmlformats.org/spreadsheetml/2006/main" xmlns:mc="http://schemas.openxmlformats.org/markup-compatibility/2006" xmlns:x14ac="http://schemas.microsoft.com/office/spreadsheetml/2009/9/ac" mc:Ignorable="x14ac">
  <fonts count="6" x14ac:knownFonts="1">
    <font>
      <sz val="11"/>
      <color theme="1"/>
      <name val="ＭＳ Ｐゴシック"/>
      <family val="2"/>
      <charset val="128"/>
      <scheme val="minor"/>
    </font>
    <font>
      <sz val="11"/>
      <name val="ＭＳ Ｐゴシック"/>
      <family val="3"/>
      <charset val="128"/>
    </font>
    <font>
      <sz val="14"/>
      <name val="ＭＳ Ｐゴシック"/>
      <family val="3"/>
      <charset val="128"/>
    </font>
    <font>
      <sz val="6"/>
      <name val="ＭＳ Ｐゴシック"/>
      <family val="3"/>
      <charset val="128"/>
    </font>
    <font>
      <sz val="12"/>
      <name val="ＭＳ Ｐゴシック"/>
      <family val="3"/>
      <charset val="128"/>
    </font>
    <font>
      <sz val="12"/>
      <name val="ＭＳ ゴシック"/>
      <family val="3"/>
      <charset val="128"/>
    </font>
  </fonts>
  <fills count="2">
    <fill>
      <patternFill patternType="none"/>
    </fill>
    <fill>
      <patternFill patternType="gray125"/>
    </fill>
  </fills>
  <borders count="12">
    <border>
      <left/>
      <right/>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style="thin">
        <color indexed="64"/>
      </right>
      <top style="thin">
        <color indexed="64"/>
      </top>
      <bottom/>
      <diagonal/>
    </border>
    <border>
      <left/>
      <right style="thin">
        <color indexed="64"/>
      </right>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top/>
      <bottom/>
      <diagonal/>
    </border>
    <border>
      <left/>
      <right/>
      <top/>
      <bottom style="thin">
        <color indexed="64"/>
      </bottom>
      <diagonal/>
    </border>
    <border>
      <left/>
      <right style="thin">
        <color indexed="64"/>
      </right>
      <top/>
      <bottom style="thin">
        <color indexed="64"/>
      </bottom>
      <diagonal/>
    </border>
  </borders>
  <cellStyleXfs count="2">
    <xf numFmtId="0" fontId="0" fillId="0" borderId="0">
      <alignment vertical="center"/>
    </xf>
    <xf numFmtId="0" fontId="1" fillId="0" borderId="0">
      <alignment vertical="center"/>
    </xf>
  </cellStyleXfs>
  <cellXfs count="49">
    <xf numFmtId="0" fontId="0" fillId="0" borderId="0" xfId="0">
      <alignment vertical="center"/>
    </xf>
    <xf numFmtId="0" fontId="2" fillId="0" borderId="0" xfId="1" applyFont="1" applyAlignment="1">
      <alignment vertical="center"/>
    </xf>
    <xf numFmtId="0" fontId="2" fillId="0" borderId="0" xfId="1" applyFont="1" applyAlignment="1">
      <alignment horizontal="left" vertical="center"/>
    </xf>
    <xf numFmtId="0" fontId="1" fillId="0" borderId="0" xfId="1" applyAlignment="1">
      <alignment vertical="center"/>
    </xf>
    <xf numFmtId="0" fontId="2" fillId="0" borderId="0" xfId="1" applyFont="1" applyBorder="1" applyAlignment="1">
      <alignment horizontal="center" vertical="center"/>
    </xf>
    <xf numFmtId="0" fontId="4" fillId="0" borderId="0" xfId="1" applyFont="1" applyBorder="1" applyAlignment="1">
      <alignment horizontal="center" vertical="center"/>
    </xf>
    <xf numFmtId="0" fontId="1" fillId="0" borderId="0" xfId="1">
      <alignment vertical="center"/>
    </xf>
    <xf numFmtId="0" fontId="2" fillId="0" borderId="0" xfId="1" applyFont="1" applyBorder="1" applyAlignment="1">
      <alignment vertical="center"/>
    </xf>
    <xf numFmtId="0" fontId="1" fillId="0" borderId="0" xfId="1" applyBorder="1" applyAlignment="1">
      <alignment vertical="center"/>
    </xf>
    <xf numFmtId="0" fontId="4" fillId="0" borderId="0" xfId="1" applyFont="1" applyBorder="1" applyAlignment="1">
      <alignment vertical="center"/>
    </xf>
    <xf numFmtId="49" fontId="1" fillId="0" borderId="3" xfId="1" applyNumberFormat="1" applyBorder="1" applyAlignment="1">
      <alignment horizontal="center" vertical="center"/>
    </xf>
    <xf numFmtId="0" fontId="4" fillId="0" borderId="0" xfId="1" applyFont="1" applyBorder="1" applyAlignment="1">
      <alignment horizontal="left" vertical="center" wrapText="1"/>
    </xf>
    <xf numFmtId="0" fontId="4" fillId="0" borderId="4" xfId="1" applyFont="1" applyBorder="1" applyAlignment="1">
      <alignment horizontal="center" vertical="center"/>
    </xf>
    <xf numFmtId="0" fontId="4" fillId="0" borderId="6" xfId="1" applyFont="1" applyBorder="1" applyAlignment="1">
      <alignment horizontal="center" vertical="center"/>
    </xf>
    <xf numFmtId="0" fontId="1" fillId="0" borderId="8" xfId="1" applyFont="1" applyBorder="1" applyAlignment="1">
      <alignment horizontal="center" vertical="center" shrinkToFit="1"/>
    </xf>
    <xf numFmtId="0" fontId="1" fillId="0" borderId="3" xfId="1" applyFont="1" applyBorder="1" applyAlignment="1">
      <alignment horizontal="center" vertical="center"/>
    </xf>
    <xf numFmtId="0" fontId="4" fillId="0" borderId="6" xfId="1" applyFont="1" applyBorder="1" applyAlignment="1">
      <alignment vertical="center"/>
    </xf>
    <xf numFmtId="0" fontId="1" fillId="0" borderId="9" xfId="1" applyBorder="1" applyAlignment="1">
      <alignment vertical="center"/>
    </xf>
    <xf numFmtId="0" fontId="4" fillId="0" borderId="1" xfId="1" applyFont="1" applyBorder="1" applyAlignment="1">
      <alignment horizontal="center" vertical="center"/>
    </xf>
    <xf numFmtId="0" fontId="4" fillId="0" borderId="3" xfId="1" applyFont="1" applyBorder="1" applyAlignment="1" applyProtection="1">
      <alignment vertical="center"/>
      <protection locked="0"/>
    </xf>
    <xf numFmtId="0" fontId="4" fillId="0" borderId="1" xfId="1" applyFont="1" applyBorder="1" applyAlignment="1" applyProtection="1">
      <alignment horizontal="center" vertical="center"/>
      <protection locked="0"/>
    </xf>
    <xf numFmtId="0" fontId="4" fillId="0" borderId="10" xfId="1" applyFont="1" applyBorder="1" applyAlignment="1">
      <alignment vertical="center"/>
    </xf>
    <xf numFmtId="0" fontId="4" fillId="0" borderId="11" xfId="1" applyFont="1" applyBorder="1" applyAlignment="1">
      <alignment vertical="center"/>
    </xf>
    <xf numFmtId="0" fontId="4" fillId="0" borderId="0" xfId="1" applyFont="1" applyAlignment="1">
      <alignment vertical="center"/>
    </xf>
    <xf numFmtId="0" fontId="5" fillId="0" borderId="3" xfId="1" applyFont="1" applyBorder="1" applyAlignment="1">
      <alignment horizontal="center" vertical="center" wrapText="1"/>
    </xf>
    <xf numFmtId="0" fontId="4" fillId="0" borderId="1" xfId="1" applyFont="1" applyBorder="1" applyAlignment="1" applyProtection="1">
      <alignment horizontal="center" vertical="center"/>
      <protection locked="0"/>
    </xf>
    <xf numFmtId="0" fontId="4" fillId="0" borderId="4" xfId="1" applyFont="1" applyBorder="1" applyAlignment="1" applyProtection="1">
      <alignment horizontal="center" vertical="center"/>
      <protection locked="0"/>
    </xf>
    <xf numFmtId="0" fontId="4" fillId="0" borderId="2" xfId="1" applyFont="1" applyBorder="1" applyAlignment="1" applyProtection="1">
      <alignment horizontal="center" vertical="center"/>
      <protection locked="0"/>
    </xf>
    <xf numFmtId="0" fontId="4" fillId="0" borderId="3" xfId="1" applyFont="1" applyBorder="1" applyAlignment="1">
      <alignment horizontal="center" vertical="center"/>
    </xf>
    <xf numFmtId="0" fontId="1" fillId="0" borderId="3" xfId="1" applyFont="1" applyBorder="1" applyAlignment="1">
      <alignment horizontal="left" vertical="center" wrapText="1" indent="1"/>
    </xf>
    <xf numFmtId="0" fontId="2" fillId="0" borderId="0" xfId="1" applyFont="1" applyAlignment="1">
      <alignment horizontal="right" vertical="center"/>
    </xf>
    <xf numFmtId="0" fontId="1" fillId="0" borderId="0" xfId="1" applyFont="1" applyAlignment="1">
      <alignment horizontal="left" vertical="center" wrapText="1"/>
    </xf>
    <xf numFmtId="0" fontId="1" fillId="0" borderId="0" xfId="1" applyFont="1" applyAlignment="1">
      <alignment horizontal="left" vertical="center"/>
    </xf>
    <xf numFmtId="0" fontId="4" fillId="0" borderId="0" xfId="1" applyFont="1" applyAlignment="1">
      <alignment horizontal="left" vertical="center" wrapText="1"/>
    </xf>
    <xf numFmtId="0" fontId="4" fillId="0" borderId="0" xfId="1" applyFont="1" applyAlignment="1">
      <alignment horizontal="left" vertical="center"/>
    </xf>
    <xf numFmtId="0" fontId="1" fillId="0" borderId="1" xfId="1" applyFont="1" applyBorder="1" applyAlignment="1">
      <alignment horizontal="left" vertical="center" wrapText="1"/>
    </xf>
    <xf numFmtId="0" fontId="1" fillId="0" borderId="4" xfId="1" applyFont="1" applyBorder="1" applyAlignment="1">
      <alignment horizontal="left" vertical="center" wrapText="1"/>
    </xf>
    <xf numFmtId="0" fontId="1" fillId="0" borderId="2" xfId="1" applyFont="1" applyBorder="1" applyAlignment="1">
      <alignment horizontal="left" vertical="center" wrapText="1"/>
    </xf>
    <xf numFmtId="0" fontId="1" fillId="0" borderId="3" xfId="1" applyFont="1" applyFill="1" applyBorder="1" applyAlignment="1">
      <alignment horizontal="left" vertical="center" wrapText="1"/>
    </xf>
    <xf numFmtId="0" fontId="1" fillId="0" borderId="3" xfId="1" applyFont="1" applyBorder="1" applyAlignment="1">
      <alignment horizontal="left" vertical="center" wrapText="1"/>
    </xf>
    <xf numFmtId="0" fontId="2" fillId="0" borderId="0" xfId="1" applyFont="1" applyBorder="1" applyAlignment="1">
      <alignment horizontal="center" vertical="center"/>
    </xf>
    <xf numFmtId="0" fontId="4" fillId="0" borderId="1" xfId="1" applyFont="1" applyBorder="1" applyAlignment="1">
      <alignment horizontal="center" vertical="center"/>
    </xf>
    <xf numFmtId="0" fontId="4" fillId="0" borderId="2" xfId="1" applyFont="1" applyBorder="1" applyAlignment="1">
      <alignment horizontal="center" vertical="center"/>
    </xf>
    <xf numFmtId="0" fontId="4" fillId="0" borderId="3" xfId="1" applyFont="1" applyBorder="1" applyAlignment="1" applyProtection="1">
      <alignment horizontal="center" vertical="center"/>
      <protection locked="0"/>
    </xf>
    <xf numFmtId="0" fontId="4" fillId="0" borderId="3" xfId="1" applyFont="1" applyBorder="1" applyAlignment="1">
      <alignment horizontal="center" vertical="center" wrapText="1"/>
    </xf>
    <xf numFmtId="49" fontId="1" fillId="0" borderId="5" xfId="1" applyNumberFormat="1" applyBorder="1" applyAlignment="1">
      <alignment horizontal="center" vertical="center"/>
    </xf>
    <xf numFmtId="49" fontId="1" fillId="0" borderId="7" xfId="1" applyNumberFormat="1" applyBorder="1" applyAlignment="1">
      <alignment horizontal="center" vertical="center"/>
    </xf>
    <xf numFmtId="49" fontId="1" fillId="0" borderId="8" xfId="1" applyNumberFormat="1" applyBorder="1" applyAlignment="1">
      <alignment horizontal="center" vertical="center"/>
    </xf>
    <xf numFmtId="0" fontId="1" fillId="0" borderId="3" xfId="1" applyFont="1" applyBorder="1" applyAlignment="1">
      <alignment horizontal="center" vertical="center" wrapText="1"/>
    </xf>
  </cellXfs>
  <cellStyles count="2">
    <cellStyle name="標準" xfId="0" builtinId="0"/>
    <cellStyle name="標準 3"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2.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http://www.rakuraku.or.jp/shienhi/liblary/FileDir/H22&#20966;&#36935;&#25913;&#21892;&#30003;&#35531;&#27096;&#24335;.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fs01\s1309\Users\28128141\AppData\Local\Microsoft\Windows\Temporary%20Internet%20Files\Content.IE5\8KIKYMIJ\&#20307;&#21046;&#23626;&#65297;.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確認シート"/>
      <sheetName val="様式１"/>
      <sheetName val="【記載例】様式１"/>
      <sheetName val="様式２"/>
      <sheetName val="【記載例】様式２"/>
      <sheetName val="様式３"/>
      <sheetName val="【記載例】様式３"/>
      <sheetName val="様式４"/>
      <sheetName val="【記載例】様式４"/>
      <sheetName val="様式５"/>
      <sheetName val="【記載例】様式５"/>
      <sheetName val="様式６"/>
      <sheetName val="【記載例】様式６"/>
      <sheetName val="【参考】支払決定額内訳書"/>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ow r="201">
          <cell r="S201" t="str">
            <v>居宅介護</v>
          </cell>
        </row>
        <row r="202">
          <cell r="S202" t="str">
            <v>重度訪問介護</v>
          </cell>
        </row>
        <row r="203">
          <cell r="S203" t="str">
            <v>行動援護</v>
          </cell>
        </row>
        <row r="204">
          <cell r="S204" t="str">
            <v>療養介護</v>
          </cell>
        </row>
        <row r="205">
          <cell r="S205" t="str">
            <v>生活介護</v>
          </cell>
        </row>
        <row r="206">
          <cell r="S206" t="str">
            <v>児童デイサービス</v>
          </cell>
        </row>
        <row r="207">
          <cell r="S207" t="str">
            <v>短期入所</v>
          </cell>
        </row>
        <row r="208">
          <cell r="S208" t="str">
            <v>重度障害者等包括支援</v>
          </cell>
        </row>
        <row r="209">
          <cell r="S209" t="str">
            <v>共同生活介護</v>
          </cell>
        </row>
        <row r="210">
          <cell r="S210" t="str">
            <v>施設入所支援</v>
          </cell>
        </row>
        <row r="211">
          <cell r="S211" t="str">
            <v>自立訓練（機能訓練）</v>
          </cell>
        </row>
        <row r="212">
          <cell r="S212" t="str">
            <v>自立訓練（生活訓練）(宿泊型含)</v>
          </cell>
        </row>
        <row r="213">
          <cell r="S213" t="str">
            <v>就労移行支援</v>
          </cell>
        </row>
        <row r="214">
          <cell r="S214" t="str">
            <v>就労継続支援Ａ型</v>
          </cell>
        </row>
        <row r="215">
          <cell r="S215" t="str">
            <v>就労継続支援Ｂ型</v>
          </cell>
        </row>
        <row r="216">
          <cell r="S216" t="str">
            <v>共同生活援助</v>
          </cell>
        </row>
        <row r="217">
          <cell r="S217" t="str">
            <v>旧身体障害者更生施設(通所含)</v>
          </cell>
        </row>
        <row r="218">
          <cell r="S218" t="str">
            <v>旧身体障害者療護施設(通所含)</v>
          </cell>
        </row>
        <row r="219">
          <cell r="S219" t="str">
            <v>旧身体障害者入所授産施設</v>
          </cell>
        </row>
        <row r="220">
          <cell r="S220" t="str">
            <v>旧身体障害者通所授産施設</v>
          </cell>
        </row>
        <row r="221">
          <cell r="S221" t="str">
            <v>旧知的障害者入所更生施設</v>
          </cell>
        </row>
        <row r="222">
          <cell r="S222" t="str">
            <v>旧知的障害者通所更生施設</v>
          </cell>
        </row>
        <row r="223">
          <cell r="S223" t="str">
            <v>旧知的障害者入所授産施設</v>
          </cell>
        </row>
        <row r="224">
          <cell r="S224" t="str">
            <v>旧知的障害者通所授産施設</v>
          </cell>
        </row>
        <row r="225">
          <cell r="S225" t="str">
            <v>旧知的障害者通勤寮</v>
          </cell>
        </row>
        <row r="226">
          <cell r="S226" t="str">
            <v>知的障害児施設</v>
          </cell>
        </row>
        <row r="227">
          <cell r="S227" t="str">
            <v>自閉症児施設</v>
          </cell>
        </row>
        <row r="228">
          <cell r="S228" t="str">
            <v>知的障害児通園施設</v>
          </cell>
        </row>
        <row r="229">
          <cell r="S229" t="str">
            <v>盲児施設</v>
          </cell>
        </row>
        <row r="230">
          <cell r="S230" t="str">
            <v>ろうあ児施設</v>
          </cell>
        </row>
        <row r="231">
          <cell r="S231" t="str">
            <v>難聴幼児通園施設</v>
          </cell>
        </row>
        <row r="232">
          <cell r="S232" t="str">
            <v>肢体不自由児施設</v>
          </cell>
        </row>
        <row r="233">
          <cell r="S233" t="str">
            <v>肢体不自由児通園施設</v>
          </cell>
        </row>
        <row r="234">
          <cell r="S234" t="str">
            <v>肢体不自由児療護施設</v>
          </cell>
        </row>
        <row r="235">
          <cell r="S235" t="str">
            <v>重症心身障害児施設</v>
          </cell>
        </row>
        <row r="236">
          <cell r="S236" t="str">
            <v>重症心身障害児（者）通園事業</v>
          </cell>
        </row>
        <row r="237">
          <cell r="S237" t="str">
            <v>精神障害者入所授産施設</v>
          </cell>
        </row>
        <row r="238">
          <cell r="S238" t="str">
            <v>精神障害者通所授産施設</v>
          </cell>
        </row>
        <row r="239">
          <cell r="S239" t="str">
            <v>精神障害者生活訓練施設</v>
          </cell>
        </row>
        <row r="240">
          <cell r="S240" t="str">
            <v>精神障害者福祉ホーム（Ｂ型）</v>
          </cell>
        </row>
        <row r="241">
          <cell r="S241" t="str">
            <v>身体障害者福祉工場</v>
          </cell>
        </row>
        <row r="242">
          <cell r="S242" t="str">
            <v>知的障害者福祉工場</v>
          </cell>
        </row>
        <row r="243">
          <cell r="S243" t="str">
            <v>精神障害者福祉工場</v>
          </cell>
        </row>
        <row r="244">
          <cell r="S244" t="str">
            <v>身体障害者小規模通所授産施設</v>
          </cell>
        </row>
        <row r="245">
          <cell r="S245" t="str">
            <v>知的障害者小規模通所授産施設</v>
          </cell>
        </row>
        <row r="246">
          <cell r="S246" t="str">
            <v>精神障害者小規模通所授産施設</v>
          </cell>
        </row>
        <row r="247">
          <cell r="S247" t="str">
            <v>生活介護【昼間実施】</v>
          </cell>
        </row>
        <row r="248">
          <cell r="S248" t="str">
            <v>自立訓練(機能訓練)【昼間実施】</v>
          </cell>
        </row>
        <row r="249">
          <cell r="S249" t="str">
            <v>自立訓練(生活訓練)【昼間実施】</v>
          </cell>
        </row>
        <row r="250">
          <cell r="S250" t="str">
            <v>就労移行支援【昼間実施】</v>
          </cell>
        </row>
        <row r="251">
          <cell r="S251" t="str">
            <v>就労継続支援Ａ型【昼間実施】</v>
          </cell>
        </row>
        <row r="252">
          <cell r="S252" t="str">
            <v>就労継続支援Ｂ型【昼間実施】</v>
          </cell>
        </row>
      </sheetData>
      <sheetData sheetId="12" refreshError="1"/>
      <sheetData sheetId="13"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はじめに"/>
      <sheetName val="サービス種類別提出書類一覧"/>
      <sheetName val="様式第1号"/>
      <sheetName val="チェックシート"/>
      <sheetName val="別紙1（その1）"/>
      <sheetName val="別紙１（その2）"/>
      <sheetName val="別紙1（その3）"/>
      <sheetName val="別紙2-1(訪問系）"/>
      <sheetName val="別紙2-2（訪問系を除くサービス）"/>
      <sheetName val="別紙3-1 "/>
      <sheetName val="別紙3-2"/>
      <sheetName val="別紙3-3"/>
      <sheetName val="別紙3-4"/>
      <sheetName val="別紙3-5"/>
      <sheetName val="別紙4-1"/>
      <sheetName val="別紙4-2"/>
      <sheetName val="別紙4-3"/>
      <sheetName val="別紙4-5"/>
      <sheetName val="様式６"/>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ow r="1">
          <cell r="BP1" t="str">
            <v>▼選択してください。</v>
          </cell>
        </row>
        <row r="2">
          <cell r="BP2" t="str">
            <v>療養介護</v>
          </cell>
        </row>
        <row r="3">
          <cell r="BP3" t="str">
            <v>生活介護</v>
          </cell>
        </row>
        <row r="4">
          <cell r="BP4" t="str">
            <v>短期入所</v>
          </cell>
        </row>
        <row r="5">
          <cell r="BP5" t="str">
            <v>共同生活介護・共同生活援助</v>
          </cell>
        </row>
        <row r="6">
          <cell r="BP6" t="str">
            <v>共同生活介護のみの指定</v>
          </cell>
        </row>
        <row r="7">
          <cell r="BP7" t="str">
            <v>共同生活援助のみの指定</v>
          </cell>
        </row>
        <row r="8">
          <cell r="BP8" t="str">
            <v>施設入所支援</v>
          </cell>
        </row>
        <row r="9">
          <cell r="BP9" t="str">
            <v>自立訓練（生活訓練）宿泊型</v>
          </cell>
        </row>
        <row r="10">
          <cell r="BP10" t="str">
            <v>自立訓練（生活訓練）</v>
          </cell>
        </row>
        <row r="11">
          <cell r="BP11" t="str">
            <v>自立訓練（機能訓練）</v>
          </cell>
        </row>
        <row r="12">
          <cell r="BP12" t="str">
            <v>就労移行支援（一般型）</v>
          </cell>
        </row>
        <row r="13">
          <cell r="BP13" t="str">
            <v>就労移行支援（養成施設）</v>
          </cell>
        </row>
        <row r="14">
          <cell r="BP14" t="str">
            <v>就労継続支援Ａ型</v>
          </cell>
        </row>
        <row r="15">
          <cell r="BP15" t="str">
            <v>就労継続支援Ｂ型</v>
          </cell>
        </row>
        <row r="16">
          <cell r="BP16" t="str">
            <v>重度障害者等包括支援</v>
          </cell>
        </row>
      </sheetData>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I29"/>
  <sheetViews>
    <sheetView tabSelected="1" view="pageBreakPreview" zoomScale="85" zoomScaleNormal="100" zoomScaleSheetLayoutView="85" workbookViewId="0">
      <selection activeCell="C3" sqref="C3:H3"/>
    </sheetView>
  </sheetViews>
  <sheetFormatPr defaultRowHeight="13.5" x14ac:dyDescent="0.15"/>
  <cols>
    <col min="1" max="1" width="3.125" customWidth="1"/>
    <col min="2" max="2" width="4.625" customWidth="1"/>
    <col min="3" max="3" width="16.125" customWidth="1"/>
    <col min="4" max="4" width="3.875" customWidth="1"/>
    <col min="5" max="5" width="24.625" customWidth="1"/>
    <col min="6" max="7" width="20.75" customWidth="1"/>
    <col min="8" max="8" width="9" customWidth="1"/>
    <col min="9" max="9" width="4.75" customWidth="1"/>
  </cols>
  <sheetData>
    <row r="1" spans="1:9" ht="23.25" customHeight="1" x14ac:dyDescent="0.15">
      <c r="B1" s="2" t="s">
        <v>26</v>
      </c>
    </row>
    <row r="2" spans="1:9" ht="17.25" x14ac:dyDescent="0.15">
      <c r="A2" s="1"/>
      <c r="C2" s="3"/>
      <c r="D2" s="3"/>
      <c r="E2" s="3"/>
      <c r="F2" s="3"/>
      <c r="G2" s="30" t="s">
        <v>25</v>
      </c>
      <c r="H2" s="30"/>
      <c r="I2" s="30"/>
    </row>
    <row r="3" spans="1:9" ht="17.25" x14ac:dyDescent="0.15">
      <c r="A3" s="3"/>
      <c r="B3" s="3"/>
      <c r="C3" s="40" t="s">
        <v>0</v>
      </c>
      <c r="D3" s="40"/>
      <c r="E3" s="40"/>
      <c r="F3" s="40"/>
      <c r="G3" s="40"/>
      <c r="H3" s="40"/>
      <c r="I3" s="3"/>
    </row>
    <row r="4" spans="1:9" ht="17.25" x14ac:dyDescent="0.15">
      <c r="A4" s="4"/>
      <c r="B4" s="4"/>
      <c r="C4" s="5"/>
      <c r="D4" s="5"/>
      <c r="E4" s="5"/>
      <c r="F4" s="5"/>
      <c r="G4" s="5"/>
      <c r="H4" s="5"/>
      <c r="I4" s="4"/>
    </row>
    <row r="5" spans="1:9" ht="29.25" customHeight="1" x14ac:dyDescent="0.15">
      <c r="A5" s="4"/>
      <c r="B5" s="41" t="s">
        <v>1</v>
      </c>
      <c r="C5" s="42"/>
      <c r="D5" s="43"/>
      <c r="E5" s="43"/>
      <c r="F5" s="43"/>
      <c r="G5" s="43"/>
      <c r="H5" s="43"/>
      <c r="I5" s="7"/>
    </row>
    <row r="6" spans="1:9" ht="29.25" customHeight="1" x14ac:dyDescent="0.15">
      <c r="A6" s="4"/>
      <c r="B6" s="24" t="s">
        <v>2</v>
      </c>
      <c r="C6" s="24"/>
      <c r="D6" s="25" t="s">
        <v>27</v>
      </c>
      <c r="E6" s="26"/>
      <c r="F6" s="26"/>
      <c r="G6" s="26"/>
      <c r="H6" s="27"/>
      <c r="I6" s="7"/>
    </row>
    <row r="7" spans="1:9" ht="29.25" customHeight="1" x14ac:dyDescent="0.15">
      <c r="A7" s="6"/>
      <c r="B7" s="44" t="s">
        <v>3</v>
      </c>
      <c r="C7" s="44"/>
      <c r="D7" s="43" t="s">
        <v>4</v>
      </c>
      <c r="E7" s="43"/>
      <c r="F7" s="43"/>
      <c r="G7" s="43"/>
      <c r="H7" s="43"/>
      <c r="I7" s="8"/>
    </row>
    <row r="8" spans="1:9" ht="17.25" x14ac:dyDescent="0.15">
      <c r="A8" s="4"/>
      <c r="B8" s="4"/>
      <c r="C8" s="5"/>
      <c r="D8" s="5"/>
      <c r="E8" s="5"/>
      <c r="F8" s="5"/>
      <c r="G8" s="5"/>
      <c r="H8" s="5"/>
      <c r="I8" s="3"/>
    </row>
    <row r="9" spans="1:9" ht="14.25" x14ac:dyDescent="0.15">
      <c r="A9" s="3"/>
      <c r="B9" s="3"/>
      <c r="C9" s="5"/>
      <c r="D9" s="9"/>
      <c r="E9" s="9"/>
      <c r="F9" s="9"/>
      <c r="G9" s="9"/>
      <c r="H9" s="9"/>
      <c r="I9" s="8"/>
    </row>
    <row r="10" spans="1:9" ht="96" customHeight="1" x14ac:dyDescent="0.15">
      <c r="A10" s="3"/>
      <c r="B10" s="10" t="s">
        <v>5</v>
      </c>
      <c r="C10" s="38" t="s">
        <v>28</v>
      </c>
      <c r="D10" s="38"/>
      <c r="E10" s="38"/>
      <c r="F10" s="25" t="s">
        <v>6</v>
      </c>
      <c r="G10" s="26"/>
      <c r="H10" s="27"/>
      <c r="I10" s="8"/>
    </row>
    <row r="11" spans="1:9" ht="78.75" customHeight="1" x14ac:dyDescent="0.15">
      <c r="A11" s="3"/>
      <c r="B11" s="10" t="s">
        <v>7</v>
      </c>
      <c r="C11" s="39" t="s">
        <v>29</v>
      </c>
      <c r="D11" s="39"/>
      <c r="E11" s="39"/>
      <c r="F11" s="25" t="s">
        <v>6</v>
      </c>
      <c r="G11" s="26"/>
      <c r="H11" s="27"/>
      <c r="I11" s="8"/>
    </row>
    <row r="12" spans="1:9" ht="78.75" customHeight="1" x14ac:dyDescent="0.15">
      <c r="A12" s="3"/>
      <c r="B12" s="10" t="s">
        <v>8</v>
      </c>
      <c r="C12" s="35" t="s">
        <v>30</v>
      </c>
      <c r="D12" s="36"/>
      <c r="E12" s="37"/>
      <c r="F12" s="25" t="s">
        <v>6</v>
      </c>
      <c r="G12" s="26"/>
      <c r="H12" s="27"/>
      <c r="I12" s="8"/>
    </row>
    <row r="13" spans="1:9" ht="78.75" customHeight="1" x14ac:dyDescent="0.15">
      <c r="A13" s="3"/>
      <c r="B13" s="10" t="s">
        <v>9</v>
      </c>
      <c r="C13" s="35" t="s">
        <v>31</v>
      </c>
      <c r="D13" s="36"/>
      <c r="E13" s="37"/>
      <c r="F13" s="25" t="s">
        <v>6</v>
      </c>
      <c r="G13" s="26"/>
      <c r="H13" s="27"/>
      <c r="I13" s="8"/>
    </row>
    <row r="14" spans="1:9" ht="22.5" customHeight="1" x14ac:dyDescent="0.15">
      <c r="A14" s="3"/>
      <c r="B14" s="45" t="s">
        <v>10</v>
      </c>
      <c r="C14" s="48" t="s">
        <v>11</v>
      </c>
      <c r="D14" s="11"/>
      <c r="E14" s="11"/>
      <c r="F14" s="12"/>
      <c r="G14" s="12"/>
      <c r="H14" s="13"/>
      <c r="I14" s="8"/>
    </row>
    <row r="15" spans="1:9" ht="27.75" customHeight="1" x14ac:dyDescent="0.15">
      <c r="A15" s="3"/>
      <c r="B15" s="46"/>
      <c r="C15" s="48"/>
      <c r="D15" s="9"/>
      <c r="E15" s="28" t="s">
        <v>12</v>
      </c>
      <c r="F15" s="14" t="s">
        <v>13</v>
      </c>
      <c r="G15" s="15" t="s">
        <v>14</v>
      </c>
      <c r="H15" s="16"/>
      <c r="I15" s="17"/>
    </row>
    <row r="16" spans="1:9" ht="27.75" customHeight="1" x14ac:dyDescent="0.15">
      <c r="A16" s="3"/>
      <c r="B16" s="46"/>
      <c r="C16" s="48"/>
      <c r="D16" s="9"/>
      <c r="E16" s="28"/>
      <c r="F16" s="15" t="s">
        <v>15</v>
      </c>
      <c r="G16" s="15" t="s">
        <v>15</v>
      </c>
      <c r="H16" s="16"/>
      <c r="I16" s="17"/>
    </row>
    <row r="17" spans="1:9" ht="27.75" customHeight="1" x14ac:dyDescent="0.15">
      <c r="A17" s="3"/>
      <c r="B17" s="46"/>
      <c r="C17" s="48"/>
      <c r="D17" s="9"/>
      <c r="E17" s="18" t="s">
        <v>16</v>
      </c>
      <c r="F17" s="19"/>
      <c r="G17" s="19"/>
      <c r="H17" s="16"/>
      <c r="I17" s="17"/>
    </row>
    <row r="18" spans="1:9" ht="27.75" customHeight="1" x14ac:dyDescent="0.15">
      <c r="A18" s="3"/>
      <c r="B18" s="46"/>
      <c r="C18" s="48"/>
      <c r="D18" s="9"/>
      <c r="E18" s="18" t="s">
        <v>17</v>
      </c>
      <c r="F18" s="19"/>
      <c r="G18" s="19"/>
      <c r="H18" s="16"/>
      <c r="I18" s="17"/>
    </row>
    <row r="19" spans="1:9" ht="27.75" customHeight="1" x14ac:dyDescent="0.15">
      <c r="A19" s="3"/>
      <c r="B19" s="46"/>
      <c r="C19" s="48"/>
      <c r="D19" s="9"/>
      <c r="E19" s="18" t="s">
        <v>18</v>
      </c>
      <c r="F19" s="19"/>
      <c r="G19" s="19"/>
      <c r="H19" s="16"/>
      <c r="I19" s="17"/>
    </row>
    <row r="20" spans="1:9" ht="27.75" customHeight="1" x14ac:dyDescent="0.15">
      <c r="A20" s="3"/>
      <c r="B20" s="46"/>
      <c r="C20" s="48"/>
      <c r="D20" s="9"/>
      <c r="E20" s="18" t="s">
        <v>19</v>
      </c>
      <c r="F20" s="19"/>
      <c r="G20" s="19"/>
      <c r="H20" s="16"/>
      <c r="I20" s="17"/>
    </row>
    <row r="21" spans="1:9" ht="27.75" customHeight="1" x14ac:dyDescent="0.15">
      <c r="A21" s="3"/>
      <c r="B21" s="46"/>
      <c r="C21" s="48"/>
      <c r="D21" s="9"/>
      <c r="E21" s="20" t="s">
        <v>20</v>
      </c>
      <c r="F21" s="19"/>
      <c r="G21" s="19"/>
      <c r="H21" s="16"/>
      <c r="I21" s="17"/>
    </row>
    <row r="22" spans="1:9" ht="27.75" customHeight="1" x14ac:dyDescent="0.15">
      <c r="A22" s="3"/>
      <c r="B22" s="46"/>
      <c r="C22" s="48"/>
      <c r="D22" s="9"/>
      <c r="E22" s="20" t="s">
        <v>21</v>
      </c>
      <c r="F22" s="19"/>
      <c r="G22" s="19"/>
      <c r="H22" s="16"/>
      <c r="I22" s="17"/>
    </row>
    <row r="23" spans="1:9" ht="27.75" customHeight="1" x14ac:dyDescent="0.15">
      <c r="A23" s="3"/>
      <c r="B23" s="46"/>
      <c r="C23" s="48"/>
      <c r="D23" s="9"/>
      <c r="E23" s="20" t="s">
        <v>21</v>
      </c>
      <c r="F23" s="19"/>
      <c r="G23" s="19"/>
      <c r="H23" s="16"/>
      <c r="I23" s="17"/>
    </row>
    <row r="24" spans="1:9" ht="22.5" customHeight="1" x14ac:dyDescent="0.15">
      <c r="A24" s="3"/>
      <c r="B24" s="47"/>
      <c r="C24" s="48"/>
      <c r="D24" s="21"/>
      <c r="E24" s="21"/>
      <c r="F24" s="21"/>
      <c r="G24" s="21"/>
      <c r="H24" s="22"/>
      <c r="I24" s="17"/>
    </row>
    <row r="25" spans="1:9" ht="14.25" x14ac:dyDescent="0.15">
      <c r="A25" s="3"/>
      <c r="B25" s="3"/>
      <c r="C25" s="23"/>
      <c r="D25" s="23"/>
      <c r="E25" s="23"/>
      <c r="F25" s="23"/>
      <c r="G25" s="23"/>
      <c r="H25" s="23"/>
      <c r="I25" s="3"/>
    </row>
    <row r="26" spans="1:9" ht="14.25" x14ac:dyDescent="0.15">
      <c r="A26" s="3"/>
      <c r="B26" s="28" t="s">
        <v>22</v>
      </c>
      <c r="C26" s="28"/>
      <c r="D26" s="29" t="s">
        <v>23</v>
      </c>
      <c r="E26" s="29"/>
      <c r="F26" s="29"/>
      <c r="G26" s="29"/>
      <c r="H26" s="29"/>
      <c r="I26" s="3"/>
    </row>
    <row r="27" spans="1:9" ht="14.25" x14ac:dyDescent="0.15">
      <c r="A27" s="3"/>
      <c r="B27" s="3"/>
      <c r="C27" s="23"/>
      <c r="D27" s="23"/>
      <c r="E27" s="23"/>
      <c r="F27" s="23"/>
      <c r="G27" s="23"/>
      <c r="H27" s="23"/>
      <c r="I27" s="3"/>
    </row>
    <row r="28" spans="1:9" ht="51" customHeight="1" x14ac:dyDescent="0.15">
      <c r="A28" s="3"/>
      <c r="B28" s="3"/>
      <c r="C28" s="31" t="s">
        <v>24</v>
      </c>
      <c r="D28" s="32"/>
      <c r="E28" s="32"/>
      <c r="F28" s="32"/>
      <c r="G28" s="32"/>
      <c r="H28" s="32"/>
      <c r="I28" s="3"/>
    </row>
    <row r="29" spans="1:9" ht="14.25" x14ac:dyDescent="0.15">
      <c r="A29" s="3"/>
      <c r="B29" s="3"/>
      <c r="C29" s="33"/>
      <c r="D29" s="34"/>
      <c r="E29" s="34"/>
      <c r="F29" s="34"/>
      <c r="G29" s="34"/>
      <c r="H29" s="34"/>
      <c r="I29" s="3"/>
    </row>
  </sheetData>
  <mergeCells count="23">
    <mergeCell ref="C28:H28"/>
    <mergeCell ref="C29:H29"/>
    <mergeCell ref="C13:E13"/>
    <mergeCell ref="F13:H13"/>
    <mergeCell ref="C10:E10"/>
    <mergeCell ref="F10:H10"/>
    <mergeCell ref="C11:E11"/>
    <mergeCell ref="F11:H11"/>
    <mergeCell ref="C12:E12"/>
    <mergeCell ref="F12:H12"/>
    <mergeCell ref="C14:C24"/>
    <mergeCell ref="E15:E16"/>
    <mergeCell ref="B6:C6"/>
    <mergeCell ref="D6:H6"/>
    <mergeCell ref="B26:C26"/>
    <mergeCell ref="D26:H26"/>
    <mergeCell ref="G2:I2"/>
    <mergeCell ref="C3:H3"/>
    <mergeCell ref="B5:C5"/>
    <mergeCell ref="D5:H5"/>
    <mergeCell ref="B7:C7"/>
    <mergeCell ref="D7:H7"/>
    <mergeCell ref="B14:B24"/>
  </mergeCells>
  <phoneticPr fontId="3"/>
  <pageMargins left="0.7" right="0.7" top="0.75" bottom="0.75" header="0.3" footer="0.3"/>
  <pageSetup paperSize="9" scale="83" fitToHeight="0" orientation="portrait" horizontalDpi="300" verticalDpi="300"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別紙44</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小丸山　匡政</dc:creator>
  <cp:lastModifiedBy>小丸山　匡政</cp:lastModifiedBy>
  <cp:lastPrinted>2021-04-09T07:54:43Z</cp:lastPrinted>
  <dcterms:created xsi:type="dcterms:W3CDTF">2021-04-08T23:47:17Z</dcterms:created>
  <dcterms:modified xsi:type="dcterms:W3CDTF">2021-04-09T07:58:10Z</dcterms:modified>
</cp:coreProperties>
</file>